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rnhez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EB4E0E25-1F66-76C5-524B-C242C600CC1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6073" y="4558342"/>
            <a:ext cx="1988126"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schermopname, logo&#10;&#10;Automatisch gegenereerde beschrijving">
            <a:extLst>
              <a:ext uri="{FF2B5EF4-FFF2-40B4-BE49-F238E27FC236}">
                <a16:creationId xmlns:a16="http://schemas.microsoft.com/office/drawing/2014/main" id="{A4CBB693-E048-6DAB-95CF-2001AC1D33C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3641" y="3847786"/>
            <a:ext cx="1411447" cy="149331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7-25T10:04:21Z</dcterms:modified>
</cp:coreProperties>
</file>